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82" r:id="rId5"/>
    <p:sldId id="271" r:id="rId6"/>
    <p:sldId id="278" r:id="rId7"/>
    <p:sldId id="281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orient="horz" pos="216" userDrawn="1">
          <p15:clr>
            <a:srgbClr val="A4A3A4"/>
          </p15:clr>
        </p15:guide>
        <p15:guide id="4" pos="7296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83B9668-437C-45B5-A8F3-FD6CAD618BC6}" v="10" dt="2026-06-19T10:57:57.428"/>
    <p1510:client id="{C3A082E4-53D4-46B6-975D-F39044FE3BB8}" v="1" dt="2026-06-19T12:02:31.07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65" d="100"/>
          <a:sy n="65" d="100"/>
        </p:scale>
        <p:origin x="116" y="196"/>
      </p:cViewPr>
      <p:guideLst>
        <p:guide orient="horz" pos="2160"/>
        <p:guide pos="3840"/>
        <p:guide orient="horz" pos="216"/>
        <p:guide pos="7296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addSld delSld modSld">
      <pc:chgData name="Ramya Sreenivasan" userId="a475b1e1-b8a4-4bc9-945d-c16507be1bdc" providerId="ADAL" clId="{E3368EF7-2FD6-4BBE-B666-DF4276FE1F16}" dt="2026-06-19T10:57:57.428" v="15" actId="14826"/>
      <pc:docMkLst>
        <pc:docMk/>
      </pc:docMkLst>
      <pc:sldChg chg="modSp">
        <pc:chgData name="Ramya Sreenivasan" userId="a475b1e1-b8a4-4bc9-945d-c16507be1bdc" providerId="ADAL" clId="{E3368EF7-2FD6-4BBE-B666-DF4276FE1F16}" dt="2026-06-19T10:57:23.235" v="9" actId="14826"/>
        <pc:sldMkLst>
          <pc:docMk/>
          <pc:sldMk cId="3035780936" sldId="271"/>
        </pc:sldMkLst>
        <pc:picChg chg="mod">
          <ac:chgData name="Ramya Sreenivasan" userId="a475b1e1-b8a4-4bc9-945d-c16507be1bdc" providerId="ADAL" clId="{E3368EF7-2FD6-4BBE-B666-DF4276FE1F16}" dt="2026-06-19T10:57:23.235" v="9" actId="14826"/>
          <ac:picMkLst>
            <pc:docMk/>
            <pc:sldMk cId="3035780936" sldId="271"/>
            <ac:picMk id="2" creationId="{AAD39276-938D-EE5B-345F-832ACC80D4C6}"/>
          </ac:picMkLst>
        </pc:picChg>
      </pc:sldChg>
      <pc:sldChg chg="modSp mod">
        <pc:chgData name="Ramya Sreenivasan" userId="a475b1e1-b8a4-4bc9-945d-c16507be1bdc" providerId="ADAL" clId="{E3368EF7-2FD6-4BBE-B666-DF4276FE1F16}" dt="2026-06-19T10:57:38.933" v="12" actId="13244"/>
        <pc:sldMkLst>
          <pc:docMk/>
          <pc:sldMk cId="2580177660" sldId="278"/>
        </pc:sldMkLst>
        <pc:picChg chg="mod ord">
          <ac:chgData name="Ramya Sreenivasan" userId="a475b1e1-b8a4-4bc9-945d-c16507be1bdc" providerId="ADAL" clId="{E3368EF7-2FD6-4BBE-B666-DF4276FE1F16}" dt="2026-06-19T10:57:38.933" v="12" actId="13244"/>
          <ac:picMkLst>
            <pc:docMk/>
            <pc:sldMk cId="2580177660" sldId="278"/>
            <ac:picMk id="2" creationId="{49086977-6148-6774-4045-F1802373D7CC}"/>
          </ac:picMkLst>
        </pc:picChg>
      </pc:sldChg>
      <pc:sldChg chg="modSp">
        <pc:chgData name="Ramya Sreenivasan" userId="a475b1e1-b8a4-4bc9-945d-c16507be1bdc" providerId="ADAL" clId="{E3368EF7-2FD6-4BBE-B666-DF4276FE1F16}" dt="2026-06-19T10:57:57.428" v="15" actId="14826"/>
        <pc:sldMkLst>
          <pc:docMk/>
          <pc:sldMk cId="3441989733" sldId="281"/>
        </pc:sldMkLst>
        <pc:picChg chg="mod">
          <ac:chgData name="Ramya Sreenivasan" userId="a475b1e1-b8a4-4bc9-945d-c16507be1bdc" providerId="ADAL" clId="{E3368EF7-2FD6-4BBE-B666-DF4276FE1F16}" dt="2026-06-19T10:57:57.428" v="15" actId="14826"/>
          <ac:picMkLst>
            <pc:docMk/>
            <pc:sldMk cId="3441989733" sldId="281"/>
            <ac:picMk id="13" creationId="{9170D663-56F1-4E78-4931-DF451CC98B02}"/>
          </ac:picMkLst>
        </pc:picChg>
      </pc:sldChg>
      <pc:sldChg chg="modSp add">
        <pc:chgData name="Ramya Sreenivasan" userId="a475b1e1-b8a4-4bc9-945d-c16507be1bdc" providerId="ADAL" clId="{E3368EF7-2FD6-4BBE-B666-DF4276FE1F16}" dt="2026-06-19T10:57:14.266" v="8" actId="14826"/>
        <pc:sldMkLst>
          <pc:docMk/>
          <pc:sldMk cId="1807281678" sldId="282"/>
        </pc:sldMkLst>
        <pc:picChg chg="mod">
          <ac:chgData name="Ramya Sreenivasan" userId="a475b1e1-b8a4-4bc9-945d-c16507be1bdc" providerId="ADAL" clId="{E3368EF7-2FD6-4BBE-B666-DF4276FE1F16}" dt="2026-06-19T10:57:14.266" v="8" actId="14826"/>
          <ac:picMkLst>
            <pc:docMk/>
            <pc:sldMk cId="1807281678" sldId="282"/>
            <ac:picMk id="13" creationId="{292DA7C2-BA05-A43C-C3F4-ABD516B4913A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9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895254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19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  <p:sldLayoutId id="2147483662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sc157/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F811F92-87E3-7A39-D956-898CBD8659E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Placeholder 67">
            <a:extLst>
              <a:ext uri="{FF2B5EF4-FFF2-40B4-BE49-F238E27FC236}">
                <a16:creationId xmlns:a16="http://schemas.microsoft.com/office/drawing/2014/main" id="{292DA7C2-BA05-A43C-C3F4-ABD516B4913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ph type="pic" sz="quarter" idx="11"/>
            <p:custDataLst>
              <p:tags r:id="rId2"/>
            </p:custDataLst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5062"/>
            <a:ext cx="12200998" cy="6863061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07281678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AAD39276-938D-EE5B-345F-832ACC80D4C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67234" y="3689858"/>
            <a:ext cx="4857532" cy="2727402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IATA Slot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Conference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IATA </a:t>
            </a:r>
            <a:r>
              <a:rPr lang="en-US" sz="1400" b="1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Slot Conferenc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67">
            <a:extLst>
              <a:ext uri="{FF2B5EF4-FFF2-40B4-BE49-F238E27FC236}">
                <a16:creationId xmlns:a16="http://schemas.microsoft.com/office/drawing/2014/main" id="{49086977-6148-6774-4045-F1802373D7C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Rectangle">
            <a:extLst>
              <a:ext uri="{FF2B5EF4-FFF2-40B4-BE49-F238E27FC236}">
                <a16:creationId xmlns:a16="http://schemas.microsoft.com/office/drawing/2014/main" id="{4D2E2F60-AC55-11AE-23B9-8406063259C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2" name="Text">
            <a:extLst>
              <a:ext uri="{FF2B5EF4-FFF2-40B4-BE49-F238E27FC236}">
                <a16:creationId xmlns:a16="http://schemas.microsoft.com/office/drawing/2014/main" id="{F1057750-4AE6-6A73-E1CC-60FBF53FC37A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A3EB6FC-A8A2-EBC5-7E4A-8A1231D34CC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974521" y="351895"/>
            <a:ext cx="4347143" cy="4352354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01776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Placeholder 67">
            <a:extLst>
              <a:ext uri="{FF2B5EF4-FFF2-40B4-BE49-F238E27FC236}">
                <a16:creationId xmlns:a16="http://schemas.microsoft.com/office/drawing/2014/main" id="{9170D663-56F1-4E78-4931-DF451CC98B0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ph type="pic" sz="quarter" idx="11"/>
            <p:custDataLst>
              <p:tags r:id="rId2"/>
            </p:custDataLst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198973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0b6a347c-ead6-42b3-a653-f0c1a7bd92a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0b6a347c-ead6-42b3-a653-f0c1a7bd92a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0b6a347c-ead6-42b3-a653-f0c1a7bd92a0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5e9ef77-9585-442e-81d8-60031e29abf8" xsi:nil="true"/>
    <lcf76f155ced4ddcb4097134ff3c332f xmlns="6cd6e9d5-65de-487b-8de5-04cf82949ea9">
      <Terms xmlns="http://schemas.microsoft.com/office/infopath/2007/PartnerControls"/>
    </lcf76f155ced4ddcb4097134ff3c332f>
    <MediaLengthInSeconds xmlns="6cd6e9d5-65de-487b-8de5-04cf82949ea9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E3EE50DAE17464BBBD464A46EC48E9E" ma:contentTypeVersion="13" ma:contentTypeDescription="Create a new document." ma:contentTypeScope="" ma:versionID="ca313f690a6e431a29fca0c266efaab4">
  <xsd:schema xmlns:xsd="http://www.w3.org/2001/XMLSchema" xmlns:xs="http://www.w3.org/2001/XMLSchema" xmlns:p="http://schemas.microsoft.com/office/2006/metadata/properties" xmlns:ns2="6cd6e9d5-65de-487b-8de5-04cf82949ea9" xmlns:ns3="65e9ef77-9585-442e-81d8-60031e29abf8" targetNamespace="http://schemas.microsoft.com/office/2006/metadata/properties" ma:root="true" ma:fieldsID="771c0e64d3789e1c279124c99418b505" ns2:_="" ns3:_="">
    <xsd:import namespace="6cd6e9d5-65de-487b-8de5-04cf82949ea9"/>
    <xsd:import namespace="65e9ef77-9585-442e-81d8-60031e29abf8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LengthInSeconds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cd6e9d5-65de-487b-8de5-04cf82949ea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5e9ef77-9585-442e-81d8-60031e29abf8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16672671-983d-4ecb-80cd-c698c996ef2b}" ma:internalName="TaxCatchAll" ma:showField="CatchAllData" ma:web="65e9ef77-9585-442e-81d8-60031e29abf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www.w3.org/XML/1998/namespace"/>
    <ds:schemaRef ds:uri="http://purl.org/dc/elements/1.1/"/>
    <ds:schemaRef ds:uri="http://schemas.microsoft.com/office/infopath/2007/PartnerControls"/>
    <ds:schemaRef ds:uri="6cd6e9d5-65de-487b-8de5-04cf82949ea9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65e9ef77-9585-442e-81d8-60031e29abf8"/>
    <ds:schemaRef ds:uri="http://schemas.microsoft.com/office/2006/metadata/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A814E3BC-EEF0-42D9-9530-D8BCAA90C20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cd6e9d5-65de-487b-8de5-04cf82949ea9"/>
    <ds:schemaRef ds:uri="65e9ef77-9585-442e-81d8-60031e29abf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949d0555-0903-45cc-b4d2-c6437e758502}" enabled="1" method="Privilege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5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7</cp:revision>
  <dcterms:created xsi:type="dcterms:W3CDTF">2023-06-13T12:34:15Z</dcterms:created>
  <dcterms:modified xsi:type="dcterms:W3CDTF">2026-06-19T12:02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E3EE50DAE17464BBBD464A46EC48E9E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FooterLocations">
    <vt:lpwstr>Office Theme:10</vt:lpwstr>
  </property>
  <property fmtid="{D5CDD505-2E9C-101B-9397-08002B2CF9AE}" pid="12" name="ClassificationContentMarkingFooterText">
    <vt:lpwstr>IATA - Restricted/Confidential content</vt:lpwstr>
  </property>
  <property fmtid="{D5CDD505-2E9C-101B-9397-08002B2CF9AE}" pid="13" name="ClassificationContentMarkingHeaderLocations">
    <vt:lpwstr>Office Theme:9</vt:lpwstr>
  </property>
  <property fmtid="{D5CDD505-2E9C-101B-9397-08002B2CF9AE}" pid="14" name="ClassificationContentMarkingHeaderText">
    <vt:lpwstr>IATA - Restricted/Confidential content</vt:lpwstr>
  </property>
</Properties>
</file>